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aalw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B52E0528-03D2-42AB-1D6B-B7934A707AA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0718" y="5130770"/>
            <a:ext cx="2553421" cy="153307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FD21212D-1EB3-B30B-55AC-588C0943966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93689" y="4261131"/>
            <a:ext cx="1681117" cy="100934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6-03T13:00:50Z</dcterms:modified>
</cp:coreProperties>
</file>